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B5320450-7916-4880-9D3D-68D05D51E061}" v="13" dt="2024-04-19T13:57:56.381"/>
  </p1510:revLst>
</p1510:revInfo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86" d="100"/>
          <a:sy n="86" d="100"/>
        </p:scale>
        <p:origin x="1110" y="-396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Relationship Id="rId9" Type="http://schemas.microsoft.com/office/2015/10/relationships/revisionInfo" Target="revisionInfo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4/19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89685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166624" y="1312862"/>
            <a:ext cx="3736334" cy="4001414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EAEA25EE-2558-8222-8EC1-BE1FD12FE12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20249191"/>
              </p:ext>
            </p:extLst>
          </p:nvPr>
        </p:nvGraphicFramePr>
        <p:xfrm>
          <a:off x="795528" y="1527177"/>
          <a:ext cx="8816824" cy="5296513"/>
        </p:xfrm>
        <a:graphic>
          <a:graphicData uri="http://schemas.openxmlformats.org/drawingml/2006/table">
            <a:tbl>
              <a:tblPr/>
              <a:tblGrid>
                <a:gridCol w="516706">
                  <a:extLst>
                    <a:ext uri="{9D8B030D-6E8A-4147-A177-3AD203B41FA5}">
                      <a16:colId xmlns:a16="http://schemas.microsoft.com/office/drawing/2014/main" val="2494600098"/>
                    </a:ext>
                  </a:extLst>
                </a:gridCol>
                <a:gridCol w="516706">
                  <a:extLst>
                    <a:ext uri="{9D8B030D-6E8A-4147-A177-3AD203B41FA5}">
                      <a16:colId xmlns:a16="http://schemas.microsoft.com/office/drawing/2014/main" val="1177386511"/>
                    </a:ext>
                  </a:extLst>
                </a:gridCol>
                <a:gridCol w="516706">
                  <a:extLst>
                    <a:ext uri="{9D8B030D-6E8A-4147-A177-3AD203B41FA5}">
                      <a16:colId xmlns:a16="http://schemas.microsoft.com/office/drawing/2014/main" val="2274992282"/>
                    </a:ext>
                  </a:extLst>
                </a:gridCol>
                <a:gridCol w="393681">
                  <a:extLst>
                    <a:ext uri="{9D8B030D-6E8A-4147-A177-3AD203B41FA5}">
                      <a16:colId xmlns:a16="http://schemas.microsoft.com/office/drawing/2014/main" val="1209159083"/>
                    </a:ext>
                  </a:extLst>
                </a:gridCol>
                <a:gridCol w="393681">
                  <a:extLst>
                    <a:ext uri="{9D8B030D-6E8A-4147-A177-3AD203B41FA5}">
                      <a16:colId xmlns:a16="http://schemas.microsoft.com/office/drawing/2014/main" val="2023334761"/>
                    </a:ext>
                  </a:extLst>
                </a:gridCol>
                <a:gridCol w="41009">
                  <a:extLst>
                    <a:ext uri="{9D8B030D-6E8A-4147-A177-3AD203B41FA5}">
                      <a16:colId xmlns:a16="http://schemas.microsoft.com/office/drawing/2014/main" val="3712460200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4247269143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2700659383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927775834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1869884611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6125991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534100756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1840683540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2277746254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1550252926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4102323305"/>
                    </a:ext>
                  </a:extLst>
                </a:gridCol>
                <a:gridCol w="549514">
                  <a:extLst>
                    <a:ext uri="{9D8B030D-6E8A-4147-A177-3AD203B41FA5}">
                      <a16:colId xmlns:a16="http://schemas.microsoft.com/office/drawing/2014/main" val="312463565"/>
                    </a:ext>
                  </a:extLst>
                </a:gridCol>
                <a:gridCol w="393681">
                  <a:extLst>
                    <a:ext uri="{9D8B030D-6E8A-4147-A177-3AD203B41FA5}">
                      <a16:colId xmlns:a16="http://schemas.microsoft.com/office/drawing/2014/main" val="563160266"/>
                    </a:ext>
                  </a:extLst>
                </a:gridCol>
              </a:tblGrid>
              <a:tr h="108697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IN" sz="500" b="1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Summary financials and cashflow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1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1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1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1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FFFFFF"/>
                          </a:solidFill>
                          <a:effectLst/>
                          <a:highlight>
                            <a:srgbClr val="4F81BD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4F81B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87785024"/>
                  </a:ext>
                </a:extLst>
              </a:tr>
              <a:tr h="81779"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75465231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94553121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55277435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79196817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38472285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79309944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28742338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17893950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14964669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88794233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97790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98047928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94831679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03270067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90632692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12718334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54000268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21191006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05991700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41759694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38207838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77475836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18663611"/>
                  </a:ext>
                </a:extLst>
              </a:tr>
              <a:tr h="138001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03154709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26881517"/>
                  </a:ext>
                </a:extLst>
              </a:tr>
              <a:tr h="138001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62927552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130315679"/>
                  </a:ext>
                </a:extLst>
              </a:tr>
              <a:tr h="138001">
                <a:tc gridSpan="5">
                  <a:txBody>
                    <a:bodyPr/>
                    <a:lstStyle/>
                    <a:p>
                      <a:pPr algn="l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Net Present Value based on Perpetuity Growth Method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FFFFFF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43166646"/>
                  </a:ext>
                </a:extLst>
              </a:tr>
              <a:tr h="138001"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54934105"/>
                  </a:ext>
                </a:extLst>
              </a:tr>
              <a:tr h="138001">
                <a:tc rowSpan="2" gridSpan="3">
                  <a:txBody>
                    <a:bodyPr/>
                    <a:lstStyle/>
                    <a:p>
                      <a:pPr algn="l" rtl="0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% of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gridSpan="5">
                  <a:txBody>
                    <a:bodyPr/>
                    <a:lstStyle/>
                    <a:p>
                      <a:pPr algn="l" rtl="0" fontAlgn="ctr"/>
                      <a:r>
                        <a:rPr lang="en-US" sz="500" b="1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Sensitising</a:t>
                      </a:r>
                      <a:r>
                        <a:rPr lang="en-US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firm value ($m) and implied offer price to WACC and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68719906"/>
                  </a:ext>
                </a:extLst>
              </a:tr>
              <a:tr h="138001">
                <a:tc gridSpan="3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5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IN" sz="5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Perpetuity Growth Rate (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51998516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0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IN" sz="500" b="0" i="1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WACC (%)</a:t>
                      </a:r>
                    </a:p>
                  </a:txBody>
                  <a:tcPr marL="0" marR="0" marT="0" marB="0" vert="vert27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2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5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0.7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1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62969994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9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7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8 / 404c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5 / 41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3 / 42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3 / 4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64 / 4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36666880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0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0 / 374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44 / 38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59 / 38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75 / 39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3 / 40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05935434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4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8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90 / 35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03 / 36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817 / 36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1 / 37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428729569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5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1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1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2 / 32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43 / 3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54 / 33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DCE6F1"/>
                          </a:highlight>
                          <a:latin typeface="Arial" panose="020B0604020202020204" pitchFamily="34" charset="0"/>
                        </a:rPr>
                        <a:t>765 / 3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20717345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highlight>
                            <a:srgbClr val="EAEAEA"/>
                          </a:highlight>
                          <a:latin typeface="Arial" panose="020B0604020202020204" pitchFamily="34" charset="0"/>
                        </a:rPr>
                        <a:t>9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1 / 30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0 / 30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0 / 31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20 / 31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0 / 32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97072654"/>
                  </a:ext>
                </a:extLst>
              </a:tr>
              <a:tr h="13800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58238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4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4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5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6198820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40</TotalTime>
  <Words>816</Words>
  <Application>Microsoft Office PowerPoint</Application>
  <PresentationFormat>Custom</PresentationFormat>
  <Paragraphs>42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akanksha malik</cp:lastModifiedBy>
  <cp:revision>866</cp:revision>
  <cp:lastPrinted>2020-01-28T09:55:08Z</cp:lastPrinted>
  <dcterms:created xsi:type="dcterms:W3CDTF">2015-06-19T14:55:37Z</dcterms:created>
  <dcterms:modified xsi:type="dcterms:W3CDTF">2024-04-19T13:58:41Z</dcterms:modified>
</cp:coreProperties>
</file>